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3EBFEBA" w14:textId="07F33D06" w:rsidR="00FB35F3" w:rsidRDefault="00FB35F3" w:rsidP="00FB35F3">
      <w:pPr>
        <w:pStyle w:val="Heading1"/>
      </w:pPr>
      <w:r>
        <w:rPr>
          <w:rFonts w:hint="eastAsia"/>
        </w:rPr>
        <w:t>概述</w:t>
      </w:r>
    </w:p>
    <w:p w14:paraId="7705C864" w14:textId="1978C97A" w:rsidR="00963FDE" w:rsidRDefault="000B1A04">
      <w:r>
        <w:rPr>
          <w:noProof/>
        </w:rPr>
        <w:drawing>
          <wp:inline distT="0" distB="0" distL="0" distR="0" wp14:anchorId="60B7E75C" wp14:editId="0A339EE6">
            <wp:extent cx="3305175" cy="1790700"/>
            <wp:effectExtent l="0" t="0" r="9525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"/>
                    <a:stretch>
                      <a:fillRect/>
                    </a:stretch>
                  </pic:blipFill>
                  <pic:spPr>
                    <a:xfrm>
                      <a:off x="0" y="0"/>
                      <a:ext cx="3305175" cy="1790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9D60CEF" w14:textId="66A242C4" w:rsidR="00FB35F3" w:rsidRDefault="00FB35F3" w:rsidP="00FB35F3">
      <w:pPr>
        <w:pStyle w:val="Heading1"/>
      </w:pPr>
      <w:r>
        <w:rPr>
          <w:rFonts w:hint="eastAsia"/>
        </w:rPr>
        <w:t>CPU总体组成：</w:t>
      </w:r>
    </w:p>
    <w:p w14:paraId="1F82F795" w14:textId="7E60E13F" w:rsidR="00FC783F" w:rsidRDefault="00B92405">
      <w:r w:rsidRPr="00B92405">
        <w:rPr>
          <w:rFonts w:hint="eastAsia"/>
        </w:rPr>
        <w:t xml:space="preserve">  </w:t>
      </w:r>
      <w:r w:rsidRPr="00B92405">
        <w:rPr>
          <w:rFonts w:hint="eastAsia"/>
          <w:noProof/>
        </w:rPr>
        <w:drawing>
          <wp:inline distT="0" distB="0" distL="0" distR="0" wp14:anchorId="7C90008F" wp14:editId="1EE92785">
            <wp:extent cx="3702714" cy="2471894"/>
            <wp:effectExtent l="0" t="0" r="0" b="508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07995" cy="24754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B92405">
        <w:rPr>
          <w:rFonts w:hint="eastAsia"/>
        </w:rPr>
        <w:t xml:space="preserve"> </w:t>
      </w:r>
    </w:p>
    <w:p w14:paraId="65AE3116" w14:textId="400BBDBA" w:rsidR="00FC783F" w:rsidRDefault="00FC783F">
      <w:r>
        <w:rPr>
          <w:noProof/>
        </w:rPr>
        <w:drawing>
          <wp:inline distT="0" distB="0" distL="0" distR="0" wp14:anchorId="1D7A56B9" wp14:editId="26B18119">
            <wp:extent cx="4189692" cy="2280976"/>
            <wp:effectExtent l="0" t="0" r="1905" b="508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4204250" cy="228890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A80627C" w14:textId="03E981CD" w:rsidR="00B92405" w:rsidRDefault="00B92405">
      <w:r w:rsidRPr="00B92405">
        <w:rPr>
          <w:rFonts w:hint="eastAsia"/>
          <w:noProof/>
        </w:rPr>
        <w:lastRenderedPageBreak/>
        <w:drawing>
          <wp:inline distT="0" distB="0" distL="0" distR="0" wp14:anchorId="575701C1" wp14:editId="570B4585">
            <wp:extent cx="3923473" cy="2692959"/>
            <wp:effectExtent l="0" t="0" r="127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43874" cy="27069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0255071" w14:textId="79E850EF" w:rsidR="00D21ABD" w:rsidRDefault="00D21ABD">
      <w:r>
        <w:rPr>
          <w:noProof/>
        </w:rPr>
        <w:drawing>
          <wp:inline distT="0" distB="0" distL="0" distR="0" wp14:anchorId="5583A444" wp14:editId="3BDDA92A">
            <wp:extent cx="5274310" cy="2891790"/>
            <wp:effectExtent l="0" t="0" r="2540" b="381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8917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075EB11" w14:textId="26C7C9F6" w:rsidR="00FB35F3" w:rsidRDefault="00FB35F3"/>
    <w:p w14:paraId="599BB397" w14:textId="38079AA8" w:rsidR="00FB35F3" w:rsidRDefault="00FB35F3" w:rsidP="00671C97">
      <w:pPr>
        <w:pStyle w:val="Heading1"/>
      </w:pPr>
      <w:r>
        <w:rPr>
          <w:rFonts w:hint="eastAsia"/>
        </w:rPr>
        <w:t>CPU具体部件设计：</w:t>
      </w:r>
    </w:p>
    <w:p w14:paraId="7AAB3181" w14:textId="6740BADE" w:rsidR="00FB35F3" w:rsidRDefault="00671C97" w:rsidP="00671C97">
      <w:pPr>
        <w:pStyle w:val="Heading2"/>
      </w:pPr>
      <w:r>
        <w:rPr>
          <w:rFonts w:hint="eastAsia"/>
        </w:rPr>
        <w:t>P</w:t>
      </w:r>
      <w:r>
        <w:t>C:</w:t>
      </w:r>
    </w:p>
    <w:p w14:paraId="394DB762" w14:textId="0C49A969" w:rsidR="00671C97" w:rsidRDefault="00671C97" w:rsidP="00671C97">
      <w:pPr>
        <w:pStyle w:val="Heading3"/>
      </w:pPr>
      <w:r>
        <w:rPr>
          <w:rFonts w:hint="eastAsia"/>
        </w:rPr>
        <w:t>程序编译</w:t>
      </w:r>
    </w:p>
    <w:p w14:paraId="6088157F" w14:textId="5A32427F" w:rsidR="00671C97" w:rsidRDefault="00671C97" w:rsidP="00671C97"/>
    <w:p w14:paraId="205B0D6A" w14:textId="601E6157" w:rsidR="00671C97" w:rsidRDefault="00671C97" w:rsidP="00671C97"/>
    <w:p w14:paraId="08892B8A" w14:textId="5DF7B97D" w:rsidR="00671C97" w:rsidRDefault="00671C97" w:rsidP="00671C97"/>
    <w:p w14:paraId="76366832" w14:textId="2D85AF7F" w:rsidR="00671C97" w:rsidRDefault="00671C97" w:rsidP="00671C97">
      <w:r w:rsidRPr="00671C97">
        <w:rPr>
          <w:noProof/>
        </w:rPr>
        <w:lastRenderedPageBreak/>
        <w:drawing>
          <wp:inline distT="0" distB="0" distL="0" distR="0" wp14:anchorId="56A30F0D" wp14:editId="44B0FE30">
            <wp:extent cx="5274310" cy="2893060"/>
            <wp:effectExtent l="0" t="0" r="2540" b="254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8930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922C62" w14:textId="17CFEA4B" w:rsidR="00671C97" w:rsidRDefault="00671C97" w:rsidP="00671C97">
      <w:r w:rsidRPr="00671C97">
        <w:rPr>
          <w:noProof/>
        </w:rPr>
        <w:drawing>
          <wp:inline distT="0" distB="0" distL="0" distR="0" wp14:anchorId="4FA6E806" wp14:editId="56C11231">
            <wp:extent cx="5274310" cy="452755"/>
            <wp:effectExtent l="0" t="0" r="2540" b="4445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4527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6CCEA3D" w14:textId="6B71DC48" w:rsidR="00671C97" w:rsidRDefault="00671C97" w:rsidP="00671C97">
      <w:r w:rsidRPr="00671C97">
        <w:rPr>
          <w:noProof/>
        </w:rPr>
        <w:drawing>
          <wp:inline distT="0" distB="0" distL="0" distR="0" wp14:anchorId="44B0908D" wp14:editId="2B19603C">
            <wp:extent cx="5274310" cy="1863090"/>
            <wp:effectExtent l="0" t="0" r="2540" b="381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8630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AFF3633" w14:textId="4E3C2FE9" w:rsidR="00671C97" w:rsidRDefault="00671C97" w:rsidP="00671C97">
      <w:r w:rsidRPr="00671C97">
        <w:rPr>
          <w:noProof/>
        </w:rPr>
        <w:drawing>
          <wp:inline distT="0" distB="0" distL="0" distR="0" wp14:anchorId="6250BEB2" wp14:editId="56B08DC9">
            <wp:extent cx="3964305" cy="1894205"/>
            <wp:effectExtent l="0" t="0" r="0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64305" cy="18942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0D4480" w14:textId="4B5B8B50" w:rsidR="00671C97" w:rsidRDefault="00671C97" w:rsidP="00671C97">
      <w:r w:rsidRPr="00671C97">
        <w:rPr>
          <w:noProof/>
        </w:rPr>
        <w:drawing>
          <wp:inline distT="0" distB="0" distL="0" distR="0" wp14:anchorId="5ADF29EA" wp14:editId="5F0E86F0">
            <wp:extent cx="2999740" cy="1256030"/>
            <wp:effectExtent l="0" t="0" r="0" b="127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4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99740" cy="12560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F67CF47" w14:textId="7519C2D0" w:rsidR="00671C97" w:rsidRDefault="00671C97" w:rsidP="00671C97">
      <w:r w:rsidRPr="00671C97">
        <w:rPr>
          <w:noProof/>
        </w:rPr>
        <w:lastRenderedPageBreak/>
        <w:drawing>
          <wp:inline distT="0" distB="0" distL="0" distR="0" wp14:anchorId="6B75F342" wp14:editId="04AC1F1D">
            <wp:extent cx="4608944" cy="2682909"/>
            <wp:effectExtent l="0" t="0" r="1270" b="3175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2231" cy="26848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F4AA019" w14:textId="4BB8C77E" w:rsidR="00671C97" w:rsidRDefault="00671C97" w:rsidP="00671C97">
      <w:pPr>
        <w:pStyle w:val="Heading3"/>
      </w:pPr>
      <w:r>
        <w:rPr>
          <w:rFonts w:hint="eastAsia"/>
        </w:rPr>
        <w:t>仿真</w:t>
      </w:r>
    </w:p>
    <w:p w14:paraId="0ACA1514" w14:textId="7F6286AF" w:rsidR="00671C97" w:rsidRPr="00671C97" w:rsidRDefault="00671C97" w:rsidP="00671C97">
      <w:r w:rsidRPr="00671C97">
        <w:rPr>
          <w:rFonts w:hint="eastAsia"/>
          <w:noProof/>
        </w:rPr>
        <w:drawing>
          <wp:inline distT="0" distB="0" distL="0" distR="0" wp14:anchorId="2E456114" wp14:editId="5A1B2F7F">
            <wp:extent cx="2989381" cy="1868993"/>
            <wp:effectExtent l="0" t="0" r="1905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8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94375" cy="18721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4395C79" w14:textId="0B487F32" w:rsidR="00671C97" w:rsidRDefault="00671C97" w:rsidP="00671C97">
      <w:r w:rsidRPr="00671C97">
        <w:rPr>
          <w:noProof/>
        </w:rPr>
        <w:drawing>
          <wp:inline distT="0" distB="0" distL="0" distR="0" wp14:anchorId="4A09D3C0" wp14:editId="333969D8">
            <wp:extent cx="3351443" cy="1597688"/>
            <wp:effectExtent l="0" t="0" r="1905" b="254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0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58374" cy="16009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8C13B88" w14:textId="13BE43A7" w:rsidR="00671C97" w:rsidRDefault="00671C97" w:rsidP="00671C97">
      <w:r w:rsidRPr="00671C97">
        <w:rPr>
          <w:noProof/>
        </w:rPr>
        <w:lastRenderedPageBreak/>
        <w:drawing>
          <wp:inline distT="0" distB="0" distL="0" distR="0" wp14:anchorId="633C94A5" wp14:editId="783E91F6">
            <wp:extent cx="3969607" cy="1597688"/>
            <wp:effectExtent l="0" t="0" r="0" b="254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2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92504" cy="16069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D573C6D" w14:textId="67D4BEA8" w:rsidR="00671C97" w:rsidRDefault="00671C97" w:rsidP="00671C97">
      <w:r w:rsidRPr="00671C97">
        <w:rPr>
          <w:noProof/>
        </w:rPr>
        <w:drawing>
          <wp:inline distT="0" distB="0" distL="0" distR="0" wp14:anchorId="0D6C0F4A" wp14:editId="3D9BC2DC">
            <wp:extent cx="3474864" cy="1708219"/>
            <wp:effectExtent l="0" t="0" r="0" b="635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4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78973" cy="17102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0C62F0D" w14:textId="13BD5C1B" w:rsidR="00671C97" w:rsidRDefault="00671C97" w:rsidP="00671C97">
      <w:r w:rsidRPr="00671C97">
        <w:rPr>
          <w:noProof/>
        </w:rPr>
        <w:drawing>
          <wp:inline distT="0" distB="0" distL="0" distR="0" wp14:anchorId="051D4F7B" wp14:editId="3BD14429">
            <wp:extent cx="3010856" cy="2080009"/>
            <wp:effectExtent l="0" t="0" r="0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6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16455" cy="208387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090F80A" w14:textId="6E048DA1" w:rsidR="00671C97" w:rsidRDefault="008F0D7E" w:rsidP="00671C97">
      <w:r w:rsidRPr="008F0D7E">
        <w:rPr>
          <w:noProof/>
        </w:rPr>
        <w:drawing>
          <wp:inline distT="0" distB="0" distL="0" distR="0" wp14:anchorId="0745FBDC" wp14:editId="573A6377">
            <wp:extent cx="3359652" cy="2326193"/>
            <wp:effectExtent l="0" t="0" r="0" b="0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8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66638" cy="23310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FBA38B9" w14:textId="1FE83F28" w:rsidR="008F0D7E" w:rsidRDefault="008F0D7E" w:rsidP="00671C97"/>
    <w:p w14:paraId="6707E50B" w14:textId="42C87D8B" w:rsidR="008F0D7E" w:rsidRDefault="008F0D7E" w:rsidP="00671C97">
      <w:r w:rsidRPr="008F0D7E">
        <w:rPr>
          <w:noProof/>
        </w:rPr>
        <w:lastRenderedPageBreak/>
        <w:drawing>
          <wp:inline distT="0" distB="0" distL="0" distR="0" wp14:anchorId="1DAF6E24" wp14:editId="5185915A">
            <wp:extent cx="3862685" cy="2813538"/>
            <wp:effectExtent l="0" t="0" r="5080" b="6350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2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76018" cy="2823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EE7E934" w14:textId="1D1E4F30" w:rsidR="008F0D7E" w:rsidRDefault="008F0D7E" w:rsidP="00671C97">
      <w:r w:rsidRPr="008F0D7E">
        <w:rPr>
          <w:noProof/>
        </w:rPr>
        <w:drawing>
          <wp:inline distT="0" distB="0" distL="0" distR="0" wp14:anchorId="5AE6EF67" wp14:editId="2D57E490">
            <wp:extent cx="4017216" cy="2175468"/>
            <wp:effectExtent l="0" t="0" r="2540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4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33628" cy="21843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A371654" w14:textId="7C21E667" w:rsidR="008F0D7E" w:rsidRDefault="008F0D7E" w:rsidP="00671C97">
      <w:r w:rsidRPr="008F0D7E">
        <w:rPr>
          <w:noProof/>
        </w:rPr>
        <w:drawing>
          <wp:inline distT="0" distB="0" distL="0" distR="0" wp14:anchorId="199AD894" wp14:editId="78BC3717">
            <wp:extent cx="4034267" cy="1401745"/>
            <wp:effectExtent l="0" t="0" r="4445" b="8255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6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57814" cy="140992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EC9C72" w14:textId="2AD47832" w:rsidR="008F0D7E" w:rsidRDefault="008F0D7E" w:rsidP="00671C97">
      <w:r w:rsidRPr="008F0D7E">
        <w:rPr>
          <w:noProof/>
        </w:rPr>
        <w:lastRenderedPageBreak/>
        <w:drawing>
          <wp:inline distT="0" distB="0" distL="0" distR="0" wp14:anchorId="1A3AEF82" wp14:editId="31A24D32">
            <wp:extent cx="4066945" cy="2175468"/>
            <wp:effectExtent l="0" t="0" r="0" b="0"/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8"/>
                    <pic:cNvPicPr>
                      <a:picLocks noChangeAspect="1" noChangeArrowheads="1"/>
                    </pic:cNvPicPr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85104" cy="21851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9708F99" w14:textId="6C762F99" w:rsidR="008F0D7E" w:rsidRDefault="008F0D7E" w:rsidP="00671C97">
      <w:r w:rsidRPr="008F0D7E">
        <w:rPr>
          <w:noProof/>
        </w:rPr>
        <w:drawing>
          <wp:inline distT="0" distB="0" distL="0" distR="0" wp14:anchorId="7CAF3DDF" wp14:editId="6049CC43">
            <wp:extent cx="3078625" cy="2054888"/>
            <wp:effectExtent l="0" t="0" r="7620" b="254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0"/>
                    <pic:cNvPicPr>
                      <a:picLocks noChangeAspect="1" noChangeArrowheads="1"/>
                    </pic:cNvPicPr>
                  </pic:nvPicPr>
                  <pic:blipFill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81892" cy="20570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BD004F1" w14:textId="6DE8F817" w:rsidR="008F0D7E" w:rsidRDefault="008F0D7E" w:rsidP="00671C97">
      <w:r w:rsidRPr="008F0D7E">
        <w:rPr>
          <w:noProof/>
        </w:rPr>
        <w:drawing>
          <wp:inline distT="0" distB="0" distL="0" distR="0" wp14:anchorId="34CCA7AB" wp14:editId="0CB13F97">
            <wp:extent cx="3432104" cy="2497015"/>
            <wp:effectExtent l="0" t="0" r="0" b="0"/>
            <wp:docPr id="29" name="Picture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2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55448" cy="251399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250159C" w14:textId="398E450F" w:rsidR="008F0D7E" w:rsidRDefault="008F0D7E" w:rsidP="00671C97">
      <w:r w:rsidRPr="008F0D7E">
        <w:rPr>
          <w:noProof/>
        </w:rPr>
        <w:lastRenderedPageBreak/>
        <w:drawing>
          <wp:inline distT="0" distB="0" distL="0" distR="0" wp14:anchorId="134752A1" wp14:editId="307C1999">
            <wp:extent cx="3479465" cy="3069771"/>
            <wp:effectExtent l="0" t="0" r="6985" b="0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4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85337" cy="307495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1A914E3" w14:textId="5FFA09A8" w:rsidR="008F0D7E" w:rsidRDefault="00DE132D" w:rsidP="00DE132D">
      <w:pPr>
        <w:pStyle w:val="Heading3"/>
      </w:pPr>
      <w:r>
        <w:rPr>
          <w:rFonts w:hint="eastAsia"/>
        </w:rPr>
        <w:t>模块图</w:t>
      </w:r>
    </w:p>
    <w:p w14:paraId="1A78BFF7" w14:textId="4804D3AD" w:rsidR="008F0D7E" w:rsidRDefault="00DE132D" w:rsidP="00671C97">
      <w:r w:rsidRPr="00DE132D">
        <w:rPr>
          <w:noProof/>
        </w:rPr>
        <w:drawing>
          <wp:inline distT="0" distB="0" distL="0" distR="0" wp14:anchorId="4FF0DAB1" wp14:editId="68B02192">
            <wp:extent cx="4476750" cy="2150110"/>
            <wp:effectExtent l="0" t="0" r="0" b="2540"/>
            <wp:docPr id="31" name="Picture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6"/>
                    <pic:cNvPicPr>
                      <a:picLocks noChangeAspect="1" noChangeArrowheads="1"/>
                    </pic:cNvPicPr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76750" cy="21501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B44BEC1" w14:textId="0B70842B" w:rsidR="008F0D7E" w:rsidRDefault="00DE132D" w:rsidP="00671C97">
      <w:r w:rsidRPr="00DE132D">
        <w:rPr>
          <w:noProof/>
        </w:rPr>
        <w:drawing>
          <wp:inline distT="0" distB="0" distL="0" distR="0" wp14:anchorId="784C2C34" wp14:editId="28B6E4B4">
            <wp:extent cx="3361055" cy="2713355"/>
            <wp:effectExtent l="0" t="0" r="0" b="0"/>
            <wp:docPr id="32" name="Picture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8"/>
                    <pic:cNvPicPr>
                      <a:picLocks noChangeAspect="1" noChangeArrowheads="1"/>
                    </pic:cNvPicPr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61055" cy="27133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8BB573A" w14:textId="17D97704" w:rsidR="008F0D7E" w:rsidRDefault="00DE132D" w:rsidP="00671C97">
      <w:r w:rsidRPr="00DE132D">
        <w:rPr>
          <w:noProof/>
        </w:rPr>
        <w:lastRenderedPageBreak/>
        <w:drawing>
          <wp:inline distT="0" distB="0" distL="0" distR="0" wp14:anchorId="6C41D19A" wp14:editId="38940739">
            <wp:extent cx="5274310" cy="2926080"/>
            <wp:effectExtent l="0" t="0" r="2540" b="7620"/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0"/>
                    <pic:cNvPicPr>
                      <a:picLocks noChangeAspect="1" noChangeArrowheads="1"/>
                    </pic:cNvPicPr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9260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592472E" w14:textId="07C19BB0" w:rsidR="008F0D7E" w:rsidRDefault="008F0D7E" w:rsidP="00671C97"/>
    <w:p w14:paraId="297E58AD" w14:textId="6F1C9EFD" w:rsidR="008F0D7E" w:rsidRDefault="008F0D7E" w:rsidP="00671C97"/>
    <w:p w14:paraId="380C4E51" w14:textId="4B253D63" w:rsidR="008F0D7E" w:rsidRDefault="008F0D7E" w:rsidP="00671C97"/>
    <w:p w14:paraId="6EB0CF23" w14:textId="10075932" w:rsidR="008F0D7E" w:rsidRDefault="008F0D7E" w:rsidP="00671C97"/>
    <w:p w14:paraId="04F580CD" w14:textId="595ADD56" w:rsidR="008F0D7E" w:rsidRDefault="008F0D7E" w:rsidP="00671C97"/>
    <w:p w14:paraId="0DEA142C" w14:textId="68148CFC" w:rsidR="008F0D7E" w:rsidRDefault="008F0D7E" w:rsidP="00671C97"/>
    <w:p w14:paraId="777197CE" w14:textId="5BD9A821" w:rsidR="008F0D7E" w:rsidRDefault="008F0D7E" w:rsidP="00671C97"/>
    <w:p w14:paraId="4813E237" w14:textId="03421786" w:rsidR="008F0D7E" w:rsidRDefault="00A0040D" w:rsidP="00A0040D">
      <w:pPr>
        <w:pStyle w:val="Heading1"/>
      </w:pPr>
      <w:r>
        <w:rPr>
          <w:rFonts w:hint="eastAsia"/>
        </w:rPr>
        <w:lastRenderedPageBreak/>
        <w:t>Mo</w:t>
      </w:r>
      <w:r>
        <w:t>delsim</w:t>
      </w:r>
      <w:r>
        <w:rPr>
          <w:rFonts w:hint="eastAsia"/>
        </w:rPr>
        <w:t>联合仿真</w:t>
      </w:r>
    </w:p>
    <w:p w14:paraId="198D1EF6" w14:textId="3F4E8648" w:rsidR="00A0040D" w:rsidRPr="00A0040D" w:rsidRDefault="00A0040D" w:rsidP="00A0040D">
      <w:pPr>
        <w:pStyle w:val="Heading2"/>
      </w:pPr>
      <w:r>
        <w:rPr>
          <w:rFonts w:hint="eastAsia"/>
        </w:rPr>
        <w:t>生成T</w:t>
      </w:r>
      <w:r>
        <w:t>estBench</w:t>
      </w:r>
      <w:r>
        <w:rPr>
          <w:rFonts w:hint="eastAsia"/>
        </w:rPr>
        <w:t>模板</w:t>
      </w:r>
      <w:r w:rsidR="000346CF">
        <w:rPr>
          <w:rFonts w:hint="eastAsia"/>
        </w:rPr>
        <w:t>(</w:t>
      </w:r>
      <w:r w:rsidR="000346CF">
        <w:t>.vt)</w:t>
      </w:r>
    </w:p>
    <w:p w14:paraId="02C65B33" w14:textId="14ECCDFA" w:rsidR="00A0040D" w:rsidRDefault="00A0040D" w:rsidP="00A0040D">
      <w:r>
        <w:rPr>
          <w:noProof/>
        </w:rPr>
        <w:drawing>
          <wp:inline distT="0" distB="0" distL="0" distR="0" wp14:anchorId="2274CB40" wp14:editId="75A62E10">
            <wp:extent cx="5181600" cy="4981575"/>
            <wp:effectExtent l="0" t="0" r="0" b="952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5181600" cy="49815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940BB54" w14:textId="77777777" w:rsidR="000B12CD" w:rsidRDefault="000B12CD" w:rsidP="000B12CD">
      <w:pPr>
        <w:pStyle w:val="Heading2"/>
      </w:pPr>
      <w:r>
        <w:rPr>
          <w:rFonts w:hint="eastAsia"/>
        </w:rPr>
        <w:t>打开模板文件(</w:t>
      </w:r>
      <w:r>
        <w:t>.vt)</w:t>
      </w:r>
      <w:r>
        <w:rPr>
          <w:rFonts w:hint="eastAsia"/>
        </w:rPr>
        <w:t>编辑</w:t>
      </w:r>
    </w:p>
    <w:p w14:paraId="135F3433" w14:textId="77777777" w:rsidR="000B12CD" w:rsidRDefault="000B12CD" w:rsidP="000B12CD">
      <w:r>
        <w:rPr>
          <w:rFonts w:hint="eastAsia"/>
        </w:rPr>
        <w:t>根据c</w:t>
      </w:r>
      <w:r>
        <w:t>onsole</w:t>
      </w:r>
      <w:r>
        <w:rPr>
          <w:rFonts w:hint="eastAsia"/>
        </w:rPr>
        <w:t>提示来就行。</w:t>
      </w:r>
    </w:p>
    <w:p w14:paraId="46624239" w14:textId="77777777" w:rsidR="000B12CD" w:rsidRDefault="000B12CD" w:rsidP="000B12CD">
      <w:r>
        <w:rPr>
          <w:noProof/>
        </w:rPr>
        <w:lastRenderedPageBreak/>
        <w:drawing>
          <wp:inline distT="0" distB="0" distL="0" distR="0" wp14:anchorId="29D5BB96" wp14:editId="078A3074">
            <wp:extent cx="5267325" cy="3562350"/>
            <wp:effectExtent l="0" t="0" r="9525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5267325" cy="35623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293594D" w14:textId="77777777" w:rsidR="000B12CD" w:rsidRDefault="000B12CD" w:rsidP="000B12CD"/>
    <w:p w14:paraId="456F5313" w14:textId="33F2C717" w:rsidR="00A0040D" w:rsidRDefault="00A0040D" w:rsidP="00A0040D">
      <w:pPr>
        <w:pStyle w:val="Heading2"/>
      </w:pPr>
      <w:bookmarkStart w:id="0" w:name="_GoBack"/>
      <w:bookmarkEnd w:id="0"/>
      <w:r>
        <w:rPr>
          <w:rFonts w:hint="eastAsia"/>
        </w:rPr>
        <w:t>打开顶层代码</w:t>
      </w:r>
      <w:r w:rsidR="000346CF">
        <w:rPr>
          <w:rFonts w:hint="eastAsia"/>
        </w:rPr>
        <w:t>（.</w:t>
      </w:r>
      <w:r w:rsidR="000346CF">
        <w:t>v</w:t>
      </w:r>
      <w:r w:rsidR="000346CF">
        <w:rPr>
          <w:rFonts w:hint="eastAsia"/>
        </w:rPr>
        <w:t>）</w:t>
      </w:r>
      <w:r>
        <w:rPr>
          <w:rFonts w:hint="eastAsia"/>
        </w:rPr>
        <w:t>看情况修改</w:t>
      </w:r>
    </w:p>
    <w:p w14:paraId="509A6FA3" w14:textId="54103EDC" w:rsidR="00A0040D" w:rsidRDefault="00A0040D" w:rsidP="00A0040D">
      <w:r>
        <w:t>……</w:t>
      </w:r>
    </w:p>
    <w:p w14:paraId="0E4870CA" w14:textId="01BF30C8" w:rsidR="00A0040D" w:rsidRDefault="00A0040D" w:rsidP="00A0040D">
      <w:r>
        <w:rPr>
          <w:rFonts w:hint="eastAsia"/>
        </w:rPr>
        <w:t>判断时间可以忽略不计，复制要占用1个时钟周期。</w:t>
      </w:r>
    </w:p>
    <w:p w14:paraId="1EBF255A" w14:textId="2608A61F" w:rsidR="003D54AC" w:rsidRDefault="003D54AC" w:rsidP="00A0040D"/>
    <w:p w14:paraId="34D9B520" w14:textId="1F065981" w:rsidR="003D54AC" w:rsidRDefault="003D54AC" w:rsidP="00A0040D"/>
    <w:p w14:paraId="51A46B46" w14:textId="2BB44C39" w:rsidR="003D54AC" w:rsidRDefault="003D54AC" w:rsidP="00A0040D"/>
    <w:p w14:paraId="3EDD00D9" w14:textId="3F764C04" w:rsidR="003D54AC" w:rsidRDefault="003D54AC" w:rsidP="00A0040D"/>
    <w:p w14:paraId="384EFE5C" w14:textId="4980DF25" w:rsidR="003D54AC" w:rsidRDefault="003D54AC" w:rsidP="00A0040D"/>
    <w:p w14:paraId="6FFD7278" w14:textId="691D523D" w:rsidR="003D54AC" w:rsidRDefault="003D54AC" w:rsidP="00A0040D"/>
    <w:p w14:paraId="24E8D6B0" w14:textId="1380E054" w:rsidR="003D54AC" w:rsidRDefault="003D54AC" w:rsidP="00A0040D"/>
    <w:p w14:paraId="522AA771" w14:textId="49668B58" w:rsidR="003D54AC" w:rsidRDefault="003D54AC" w:rsidP="00A0040D"/>
    <w:p w14:paraId="7DFC7B04" w14:textId="5A0856AA" w:rsidR="003D54AC" w:rsidRDefault="003D54AC" w:rsidP="00A0040D"/>
    <w:p w14:paraId="0CF1AEAC" w14:textId="2EC6BA14" w:rsidR="003D54AC" w:rsidRDefault="003D54AC" w:rsidP="00A0040D"/>
    <w:p w14:paraId="18DD5095" w14:textId="7D692A42" w:rsidR="003D54AC" w:rsidRDefault="003D54AC" w:rsidP="00A0040D"/>
    <w:p w14:paraId="468726C7" w14:textId="49E7836C" w:rsidR="003D54AC" w:rsidRDefault="003D54AC" w:rsidP="00A0040D"/>
    <w:p w14:paraId="51A9ABFC" w14:textId="7537D602" w:rsidR="003D54AC" w:rsidRDefault="003D54AC" w:rsidP="00A0040D"/>
    <w:p w14:paraId="7A1A0767" w14:textId="539B0436" w:rsidR="003D54AC" w:rsidRDefault="003D54AC" w:rsidP="00A0040D"/>
    <w:p w14:paraId="7CFD66F4" w14:textId="20638897" w:rsidR="003D54AC" w:rsidRDefault="003D54AC" w:rsidP="00A0040D"/>
    <w:p w14:paraId="257BDCB4" w14:textId="1BCEA2AF" w:rsidR="003D54AC" w:rsidRDefault="003D54AC" w:rsidP="00A0040D"/>
    <w:p w14:paraId="6143DD60" w14:textId="77777777" w:rsidR="003D54AC" w:rsidRDefault="003D54AC" w:rsidP="00A0040D"/>
    <w:p w14:paraId="32A8234A" w14:textId="1B612A6E" w:rsidR="000346CF" w:rsidRDefault="000346CF" w:rsidP="000346CF">
      <w:pPr>
        <w:pStyle w:val="Heading2"/>
      </w:pPr>
      <w:r>
        <w:rPr>
          <w:rFonts w:hint="eastAsia"/>
        </w:rPr>
        <w:lastRenderedPageBreak/>
        <w:t>载入Test</w:t>
      </w:r>
      <w:r>
        <w:t>Bench</w:t>
      </w:r>
      <w:r>
        <w:rPr>
          <w:rFonts w:hint="eastAsia"/>
        </w:rPr>
        <w:t>文件并启动仿真</w:t>
      </w:r>
    </w:p>
    <w:p w14:paraId="7A5D8769" w14:textId="7120C9D1" w:rsidR="00A0040D" w:rsidRDefault="00A0040D" w:rsidP="00A0040D"/>
    <w:p w14:paraId="11EB4EBD" w14:textId="1CDA4109" w:rsidR="00A0040D" w:rsidRDefault="00A0040D" w:rsidP="00A0040D">
      <w:r>
        <w:rPr>
          <w:noProof/>
        </w:rPr>
        <w:drawing>
          <wp:inline distT="0" distB="0" distL="0" distR="0" wp14:anchorId="69DB3628" wp14:editId="0446EF1F">
            <wp:extent cx="5274310" cy="3684270"/>
            <wp:effectExtent l="0" t="0" r="2540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36842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BFDA64C" w14:textId="77777777" w:rsidR="00A0040D" w:rsidRDefault="00A0040D" w:rsidP="00A0040D"/>
    <w:p w14:paraId="0FC75688" w14:textId="0E28AA2A" w:rsidR="00A0040D" w:rsidRDefault="00A0040D" w:rsidP="00A0040D">
      <w:r>
        <w:rPr>
          <w:noProof/>
        </w:rPr>
        <w:drawing>
          <wp:inline distT="0" distB="0" distL="0" distR="0" wp14:anchorId="38238986" wp14:editId="480C59B5">
            <wp:extent cx="2841772" cy="665429"/>
            <wp:effectExtent l="0" t="0" r="0" b="1905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3"/>
                    <a:stretch>
                      <a:fillRect/>
                    </a:stretch>
                  </pic:blipFill>
                  <pic:spPr>
                    <a:xfrm>
                      <a:off x="0" y="0"/>
                      <a:ext cx="2915368" cy="6826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914B68B" w14:textId="3AABCF8F" w:rsidR="008E251A" w:rsidRDefault="008E251A" w:rsidP="00A0040D"/>
    <w:p w14:paraId="6C466B5A" w14:textId="603320F3" w:rsidR="008E251A" w:rsidRDefault="008E251A" w:rsidP="00A0040D"/>
    <w:p w14:paraId="2483E611" w14:textId="550A8365" w:rsidR="008657BE" w:rsidRDefault="008657BE" w:rsidP="008657BE">
      <w:pPr>
        <w:pStyle w:val="Heading1"/>
      </w:pPr>
      <w:r>
        <w:rPr>
          <w:rFonts w:hint="eastAsia"/>
        </w:rPr>
        <w:t>实验仿真记录</w:t>
      </w:r>
    </w:p>
    <w:p w14:paraId="0F5F8D3D" w14:textId="5FBA24F1" w:rsidR="008657BE" w:rsidRPr="008657BE" w:rsidRDefault="008657BE" w:rsidP="008657BE">
      <w:pPr>
        <w:pStyle w:val="Heading2"/>
      </w:pPr>
      <w:r>
        <w:rPr>
          <w:rFonts w:hint="eastAsia"/>
        </w:rPr>
        <w:t>PC</w:t>
      </w:r>
    </w:p>
    <w:p w14:paraId="33DEE200" w14:textId="0890E7C7" w:rsidR="008E251A" w:rsidRDefault="008E251A" w:rsidP="00A0040D"/>
    <w:p w14:paraId="3A188599" w14:textId="19B137DE" w:rsidR="008E251A" w:rsidRDefault="008E251A" w:rsidP="00A0040D">
      <w:r>
        <w:rPr>
          <w:noProof/>
        </w:rPr>
        <w:lastRenderedPageBreak/>
        <w:drawing>
          <wp:inline distT="0" distB="0" distL="0" distR="0" wp14:anchorId="19FC0621" wp14:editId="2FB2DFC4">
            <wp:extent cx="5274310" cy="2092325"/>
            <wp:effectExtent l="0" t="0" r="2540" b="3175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4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0923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EB8F3E0" w14:textId="5870A301" w:rsidR="00675AF1" w:rsidRDefault="00675AF1" w:rsidP="00A0040D"/>
    <w:p w14:paraId="742A33E7" w14:textId="375E207C" w:rsidR="00675AF1" w:rsidRDefault="00675AF1" w:rsidP="00A0040D"/>
    <w:p w14:paraId="311107EB" w14:textId="1D165003" w:rsidR="00E30C69" w:rsidRDefault="00E1205B" w:rsidP="00E1205B">
      <w:pPr>
        <w:pStyle w:val="Heading2"/>
      </w:pPr>
      <w:r>
        <w:rPr>
          <w:rFonts w:hint="eastAsia"/>
        </w:rPr>
        <w:t>总体框图：</w:t>
      </w:r>
    </w:p>
    <w:p w14:paraId="7C0851C3" w14:textId="6979537A" w:rsidR="00E1205B" w:rsidRDefault="00E1205B" w:rsidP="00E1205B">
      <w:r>
        <w:rPr>
          <w:noProof/>
        </w:rPr>
        <w:drawing>
          <wp:inline distT="0" distB="0" distL="0" distR="0" wp14:anchorId="43116A7D" wp14:editId="3434EAEE">
            <wp:extent cx="5274310" cy="3193415"/>
            <wp:effectExtent l="0" t="0" r="2540" b="6985"/>
            <wp:docPr id="36" name="Picture 3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5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31934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E846FAC" w14:textId="09A8766C" w:rsidR="00C30726" w:rsidRDefault="00C30726" w:rsidP="00E1205B">
      <w:r>
        <w:rPr>
          <w:rFonts w:hint="eastAsia"/>
        </w:rPr>
        <w:t>仿真要看的管脚和观察顺序：(暂时不要将重心放在使能端</w:t>
      </w:r>
      <w:r>
        <w:t>)</w:t>
      </w:r>
    </w:p>
    <w:p w14:paraId="2EFEACC7" w14:textId="49B30BEC" w:rsidR="00C30726" w:rsidRDefault="00C30726" w:rsidP="00E1205B">
      <w:r>
        <w:rPr>
          <w:rFonts w:hint="eastAsia"/>
        </w:rPr>
        <w:t>i</w:t>
      </w:r>
      <w:r>
        <w:t>nst1-pc</w:t>
      </w:r>
    </w:p>
    <w:p w14:paraId="74DD38E5" w14:textId="1BE46D72" w:rsidR="00C30726" w:rsidRDefault="00C30726" w:rsidP="00E1205B">
      <w:r>
        <w:rPr>
          <w:rFonts w:hint="eastAsia"/>
        </w:rPr>
        <w:t>i</w:t>
      </w:r>
      <w:r>
        <w:t>nst5-</w:t>
      </w:r>
      <w:r w:rsidR="00454F22">
        <w:rPr>
          <w:rFonts w:hint="eastAsia"/>
        </w:rPr>
        <w:t>c</w:t>
      </w:r>
    </w:p>
    <w:p w14:paraId="3AC7B21D" w14:textId="54887451" w:rsidR="00C30726" w:rsidRDefault="00C30726" w:rsidP="00E1205B">
      <w:r>
        <w:rPr>
          <w:rFonts w:hint="eastAsia"/>
        </w:rPr>
        <w:t>i</w:t>
      </w:r>
      <w:r>
        <w:t>nst2-addr</w:t>
      </w:r>
    </w:p>
    <w:p w14:paraId="11E3314D" w14:textId="545DA9C5" w:rsidR="00C30726" w:rsidRDefault="00C30726" w:rsidP="00E1205B">
      <w:r>
        <w:t>inst2-dout</w:t>
      </w:r>
    </w:p>
    <w:p w14:paraId="2846D3FE" w14:textId="733CD3E2" w:rsidR="00C30726" w:rsidRDefault="00C30726" w:rsidP="00E1205B">
      <w:r>
        <w:rPr>
          <w:rFonts w:hint="eastAsia"/>
        </w:rPr>
        <w:t>i</w:t>
      </w:r>
      <w:r>
        <w:t>nst1-</w:t>
      </w:r>
      <w:r>
        <w:rPr>
          <w:rFonts w:hint="eastAsia"/>
        </w:rPr>
        <w:t xml:space="preserve"> op</w:t>
      </w:r>
      <w:r>
        <w:t>code\addr</w:t>
      </w:r>
    </w:p>
    <w:p w14:paraId="675CD8E9" w14:textId="347BB131" w:rsidR="00C30726" w:rsidRDefault="00C30726" w:rsidP="00E1205B">
      <w:r>
        <w:rPr>
          <w:rFonts w:hint="eastAsia"/>
        </w:rPr>
        <w:t>i</w:t>
      </w:r>
      <w:r>
        <w:t>nst4- s0\s1\s2\s3\s4\s5-&gt;&gt;&gt;???(</w:t>
      </w:r>
      <w:r>
        <w:rPr>
          <w:rFonts w:hint="eastAsia"/>
        </w:rPr>
        <w:t>或者先从s</w:t>
      </w:r>
      <w:r>
        <w:t>1,s2,s3,s4,s5</w:t>
      </w:r>
      <w:r>
        <w:rPr>
          <w:rFonts w:hint="eastAsia"/>
        </w:rPr>
        <w:t>看起？？？</w:t>
      </w:r>
      <w:r>
        <w:t>)</w:t>
      </w:r>
    </w:p>
    <w:p w14:paraId="22BA388E" w14:textId="28DCE1EA" w:rsidR="00C30726" w:rsidRDefault="00454F22" w:rsidP="00E1205B">
      <w:r>
        <w:rPr>
          <w:rFonts w:hint="eastAsia"/>
        </w:rPr>
        <w:t>i</w:t>
      </w:r>
      <w:r>
        <w:t>nst5-c----circle</w:t>
      </w:r>
    </w:p>
    <w:p w14:paraId="3CD3A573" w14:textId="444A3713" w:rsidR="00454F22" w:rsidRPr="00810419" w:rsidRDefault="00C15D2C" w:rsidP="00E1205B">
      <w:pPr>
        <w:rPr>
          <w:lang w:val="en-IE"/>
        </w:rPr>
      </w:pPr>
      <w:r>
        <w:rPr>
          <w:noProof/>
        </w:rPr>
        <w:lastRenderedPageBreak/>
        <w:drawing>
          <wp:inline distT="0" distB="0" distL="0" distR="0" wp14:anchorId="6E2FB395" wp14:editId="2FEA37BF">
            <wp:extent cx="5274310" cy="2966720"/>
            <wp:effectExtent l="0" t="0" r="2540" b="5080"/>
            <wp:docPr id="44" name="Picture 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6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9667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EE05850" w14:textId="77777777" w:rsidR="00C30726" w:rsidRPr="00FD32BB" w:rsidRDefault="00C30726" w:rsidP="00E1205B">
      <w:pPr>
        <w:rPr>
          <w:lang w:val="en-IE"/>
        </w:rPr>
      </w:pPr>
    </w:p>
    <w:p w14:paraId="0C04552D" w14:textId="12DFA558" w:rsidR="002547D2" w:rsidRPr="002547D2" w:rsidRDefault="00676500" w:rsidP="002547D2">
      <w:pPr>
        <w:pStyle w:val="Heading2"/>
      </w:pPr>
      <w:r>
        <w:rPr>
          <w:rFonts w:hint="eastAsia"/>
        </w:rPr>
        <w:t>总体仿真</w:t>
      </w:r>
    </w:p>
    <w:p w14:paraId="34DF870C" w14:textId="24AF240A" w:rsidR="00676500" w:rsidRDefault="00676500" w:rsidP="00E1205B"/>
    <w:p w14:paraId="53A5B50E" w14:textId="50BDBD09" w:rsidR="00EF5610" w:rsidRDefault="00EF5610" w:rsidP="00EF5610">
      <w:r>
        <w:rPr>
          <w:noProof/>
        </w:rPr>
        <w:drawing>
          <wp:inline distT="0" distB="0" distL="0" distR="0" wp14:anchorId="25948AB7" wp14:editId="4E9A4F25">
            <wp:extent cx="3895238" cy="723810"/>
            <wp:effectExtent l="0" t="0" r="0" b="635"/>
            <wp:docPr id="34" name="Picture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7"/>
                    <a:stretch>
                      <a:fillRect/>
                    </a:stretch>
                  </pic:blipFill>
                  <pic:spPr>
                    <a:xfrm>
                      <a:off x="0" y="0"/>
                      <a:ext cx="3895238" cy="7238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B81D715" w14:textId="77777777" w:rsidR="002547D2" w:rsidRDefault="002547D2" w:rsidP="002547D2">
      <w:pPr>
        <w:pStyle w:val="Heading1"/>
      </w:pPr>
      <w:r>
        <w:rPr>
          <w:rFonts w:hint="eastAsia"/>
        </w:rPr>
        <w:t>课设要求</w:t>
      </w:r>
    </w:p>
    <w:p w14:paraId="1A09F49D" w14:textId="77777777" w:rsidR="00375ECB" w:rsidRDefault="00375ECB" w:rsidP="00EF5610"/>
    <w:p w14:paraId="3ED803FF" w14:textId="0AF9E58F" w:rsidR="00EF5610" w:rsidRDefault="00EF5610" w:rsidP="00EF5610">
      <w:r>
        <w:rPr>
          <w:noProof/>
        </w:rPr>
        <w:drawing>
          <wp:inline distT="0" distB="0" distL="0" distR="0" wp14:anchorId="3C04954E" wp14:editId="16E09E11">
            <wp:extent cx="3866667" cy="1447619"/>
            <wp:effectExtent l="0" t="0" r="635" b="635"/>
            <wp:docPr id="35" name="Picture 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8"/>
                    <a:stretch>
                      <a:fillRect/>
                    </a:stretch>
                  </pic:blipFill>
                  <pic:spPr>
                    <a:xfrm>
                      <a:off x="0" y="0"/>
                      <a:ext cx="3866667" cy="144761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FE84D1B" w14:textId="7DE2DA73" w:rsidR="00375ECB" w:rsidRDefault="00375ECB" w:rsidP="00EF5610"/>
    <w:p w14:paraId="02E35F39" w14:textId="7F250735" w:rsidR="00375ECB" w:rsidRDefault="00375ECB" w:rsidP="00EF5610">
      <w:r>
        <w:rPr>
          <w:rFonts w:hint="eastAsia"/>
        </w:rPr>
        <w:t>第1题必做，我的学号对应第二题。</w:t>
      </w:r>
    </w:p>
    <w:p w14:paraId="4A928081" w14:textId="0B1954AF" w:rsidR="002547D2" w:rsidRDefault="002547D2" w:rsidP="002547D2">
      <w:pPr>
        <w:pStyle w:val="Heading2"/>
      </w:pPr>
      <w:r>
        <w:rPr>
          <w:rFonts w:hint="eastAsia"/>
        </w:rPr>
        <w:lastRenderedPageBreak/>
        <w:t>思路</w:t>
      </w:r>
    </w:p>
    <w:p w14:paraId="65D27219" w14:textId="2E22E46C" w:rsidR="002547D2" w:rsidRDefault="002547D2" w:rsidP="002547D2">
      <w:r>
        <w:rPr>
          <w:rFonts w:hint="eastAsia"/>
        </w:rPr>
        <w:t>给p</w:t>
      </w:r>
      <w:r>
        <w:t>c</w:t>
      </w:r>
      <w:r>
        <w:rPr>
          <w:rFonts w:hint="eastAsia"/>
        </w:rPr>
        <w:t>加两个输入端c</w:t>
      </w:r>
      <w:r>
        <w:t>all[</w:t>
      </w:r>
      <w:r>
        <w:rPr>
          <w:rFonts w:hint="eastAsia"/>
        </w:rPr>
        <w:t>4</w:t>
      </w:r>
      <w:r>
        <w:t xml:space="preserve">:0] </w:t>
      </w:r>
      <w:r>
        <w:rPr>
          <w:rFonts w:hint="eastAsia"/>
        </w:rPr>
        <w:t>和e</w:t>
      </w:r>
      <w:r>
        <w:t>ncall,</w:t>
      </w:r>
    </w:p>
    <w:p w14:paraId="7C22C45F" w14:textId="4D6DC891" w:rsidR="002547D2" w:rsidRDefault="002547D2" w:rsidP="002547D2">
      <w:r>
        <w:rPr>
          <w:rFonts w:hint="eastAsia"/>
        </w:rPr>
        <w:t>当</w:t>
      </w:r>
      <w:r>
        <w:t>encall</w:t>
      </w:r>
      <w:r>
        <w:rPr>
          <w:rFonts w:hint="eastAsia"/>
        </w:rPr>
        <w:t>生效时，</w:t>
      </w:r>
      <w:r>
        <w:t>pc[</w:t>
      </w:r>
      <w:r>
        <w:rPr>
          <w:rFonts w:hint="eastAsia"/>
        </w:rPr>
        <w:t>4</w:t>
      </w:r>
      <w:r>
        <w:t>:0]&lt;=call[</w:t>
      </w:r>
      <w:r>
        <w:rPr>
          <w:rFonts w:hint="eastAsia"/>
        </w:rPr>
        <w:t>4</w:t>
      </w:r>
      <w:r>
        <w:t>:0],pc_next=pc+1</w:t>
      </w:r>
    </w:p>
    <w:p w14:paraId="17C0CAA8" w14:textId="303361A1" w:rsidR="002547D2" w:rsidRDefault="002547D2" w:rsidP="002547D2">
      <w:r>
        <w:rPr>
          <w:rFonts w:hint="eastAsia"/>
        </w:rPr>
        <w:t>当e</w:t>
      </w:r>
      <w:r>
        <w:t>ncall</w:t>
      </w:r>
      <w:r>
        <w:rPr>
          <w:rFonts w:hint="eastAsia"/>
        </w:rPr>
        <w:t>不生效时,</w:t>
      </w:r>
      <w:r>
        <w:t>pc=pc_next;</w:t>
      </w:r>
      <w:r>
        <w:rPr>
          <w:rFonts w:hint="eastAsia"/>
        </w:rPr>
        <w:t>按e</w:t>
      </w:r>
      <w:r>
        <w:t>n</w:t>
      </w:r>
      <w:r>
        <w:rPr>
          <w:rFonts w:hint="eastAsia"/>
        </w:rPr>
        <w:t>生效正常行使功能即可。</w:t>
      </w:r>
    </w:p>
    <w:p w14:paraId="3E351E3A" w14:textId="16D56E84" w:rsidR="002547D2" w:rsidRDefault="002547D2" w:rsidP="002547D2"/>
    <w:p w14:paraId="14FD7075" w14:textId="7F210172" w:rsidR="002547D2" w:rsidRDefault="002547D2" w:rsidP="002547D2">
      <w:r>
        <w:t>addr[4..0]</w:t>
      </w:r>
      <w:r>
        <w:rPr>
          <w:rFonts w:hint="eastAsia"/>
        </w:rPr>
        <w:t>就和call</w:t>
      </w:r>
      <w:r>
        <w:t>[4..0]</w:t>
      </w:r>
      <w:r>
        <w:rPr>
          <w:rFonts w:hint="eastAsia"/>
        </w:rPr>
        <w:t>相连。</w:t>
      </w:r>
    </w:p>
    <w:p w14:paraId="304162A8" w14:textId="458AD3AB" w:rsidR="002547D2" w:rsidRDefault="002547D2" w:rsidP="002547D2">
      <w:r>
        <w:rPr>
          <w:rFonts w:hint="eastAsia"/>
        </w:rPr>
        <w:t>e</w:t>
      </w:r>
      <w:r>
        <w:t>ncall</w:t>
      </w:r>
      <w:r>
        <w:rPr>
          <w:rFonts w:hint="eastAsia"/>
        </w:rPr>
        <w:t>和</w:t>
      </w:r>
      <w:r>
        <w:t>control</w:t>
      </w:r>
      <w:r>
        <w:rPr>
          <w:rFonts w:hint="eastAsia"/>
        </w:rPr>
        <w:t>的</w:t>
      </w:r>
      <w:r w:rsidR="00FB68EB">
        <w:t>s</w:t>
      </w:r>
      <w:r w:rsidR="00FB68EB">
        <w:rPr>
          <w:rFonts w:hint="eastAsia"/>
        </w:rPr>
        <w:t>6</w:t>
      </w:r>
      <w:r>
        <w:rPr>
          <w:rFonts w:hint="eastAsia"/>
        </w:rPr>
        <w:t>相连？新加一个。</w:t>
      </w:r>
    </w:p>
    <w:p w14:paraId="7399F2D0" w14:textId="710E83A7" w:rsidR="002547D2" w:rsidRDefault="002547D2" w:rsidP="002547D2">
      <w:r>
        <w:rPr>
          <w:rFonts w:hint="eastAsia"/>
        </w:rPr>
        <w:t>如果o</w:t>
      </w:r>
      <w:r>
        <w:t>pcode==</w:t>
      </w:r>
      <w:r>
        <w:rPr>
          <w:rFonts w:hint="eastAsia"/>
        </w:rPr>
        <w:t>110，就使能e</w:t>
      </w:r>
      <w:r>
        <w:t>ncall</w:t>
      </w:r>
      <w:r w:rsidR="00FB68EB">
        <w:t>(</w:t>
      </w:r>
      <w:r w:rsidR="00FB68EB">
        <w:rPr>
          <w:rFonts w:hint="eastAsia"/>
        </w:rPr>
        <w:t>或者说i</w:t>
      </w:r>
      <w:r w:rsidR="00FB68EB">
        <w:t>nstr_call)</w:t>
      </w:r>
      <w:r>
        <w:rPr>
          <w:rFonts w:hint="eastAsia"/>
        </w:rPr>
        <w:t>。</w:t>
      </w:r>
    </w:p>
    <w:p w14:paraId="0D9DCB2B" w14:textId="7F60C5BB" w:rsidR="002547D2" w:rsidRDefault="002547D2" w:rsidP="002547D2">
      <w:r>
        <w:rPr>
          <w:rFonts w:hint="eastAsia"/>
        </w:rPr>
        <w:t>但是与此同时还要压栈，也就是向存储器写数据。</w:t>
      </w:r>
    </w:p>
    <w:p w14:paraId="23BC51E4" w14:textId="303CC814" w:rsidR="002547D2" w:rsidRPr="002547D2" w:rsidRDefault="002547D2" w:rsidP="002547D2">
      <w:r>
        <w:rPr>
          <w:rFonts w:hint="eastAsia"/>
        </w:rPr>
        <w:t>使能s</w:t>
      </w:r>
      <w:r>
        <w:t>3</w:t>
      </w:r>
    </w:p>
    <w:p w14:paraId="063A0E44" w14:textId="6F9D5E5B" w:rsidR="002547D2" w:rsidRPr="002547D2" w:rsidRDefault="006C574A" w:rsidP="006C574A">
      <w:pPr>
        <w:pStyle w:val="Heading2"/>
      </w:pPr>
      <w:r>
        <w:rPr>
          <w:rFonts w:hint="eastAsia"/>
        </w:rPr>
        <w:t>草图</w:t>
      </w:r>
    </w:p>
    <w:p w14:paraId="5A4B79CD" w14:textId="262811A1" w:rsidR="00E1205B" w:rsidRDefault="006C574A" w:rsidP="00EF5610">
      <w:r>
        <w:rPr>
          <w:noProof/>
        </w:rPr>
        <w:drawing>
          <wp:inline distT="0" distB="0" distL="0" distR="0" wp14:anchorId="2FC29912" wp14:editId="07CB3906">
            <wp:extent cx="5274310" cy="3705225"/>
            <wp:effectExtent l="0" t="0" r="2540" b="9525"/>
            <wp:docPr id="45" name="Picture 4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9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37052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A390AC7" w14:textId="330C476F" w:rsidR="00914A2F" w:rsidRDefault="00914A2F" w:rsidP="00914A2F">
      <w:pPr>
        <w:pStyle w:val="Heading2"/>
      </w:pPr>
      <w:r>
        <w:rPr>
          <w:rFonts w:hint="eastAsia"/>
        </w:rPr>
        <w:lastRenderedPageBreak/>
        <w:t>全图</w:t>
      </w:r>
    </w:p>
    <w:p w14:paraId="791D4C41" w14:textId="5D6F2004" w:rsidR="00914A2F" w:rsidRDefault="00914A2F" w:rsidP="00914A2F">
      <w:pPr>
        <w:rPr>
          <w:lang w:val="en-IE"/>
        </w:rPr>
      </w:pPr>
      <w:r>
        <w:rPr>
          <w:noProof/>
        </w:rPr>
        <w:drawing>
          <wp:inline distT="0" distB="0" distL="0" distR="0" wp14:anchorId="6ED5DFE3" wp14:editId="103B3D2B">
            <wp:extent cx="5274310" cy="2529840"/>
            <wp:effectExtent l="0" t="0" r="2540" b="3810"/>
            <wp:docPr id="46" name="Picture 4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0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5298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B2C1445" w14:textId="3512543D" w:rsidR="00B1652B" w:rsidRDefault="00B1652B" w:rsidP="00914A2F">
      <w:pPr>
        <w:rPr>
          <w:lang w:val="en-IE"/>
        </w:rPr>
      </w:pPr>
    </w:p>
    <w:p w14:paraId="1B367257" w14:textId="3BFB52C1" w:rsidR="00B1652B" w:rsidRDefault="00810419" w:rsidP="00914A2F">
      <w:pPr>
        <w:rPr>
          <w:lang w:val="en-IE"/>
        </w:rPr>
      </w:pPr>
      <w:r>
        <w:rPr>
          <w:noProof/>
        </w:rPr>
        <w:drawing>
          <wp:inline distT="0" distB="0" distL="0" distR="0" wp14:anchorId="33A28038" wp14:editId="18893549">
            <wp:extent cx="5274310" cy="2908300"/>
            <wp:effectExtent l="0" t="0" r="2540" b="635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1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9083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81E2BB9" w14:textId="68804B38" w:rsidR="00B1652B" w:rsidRDefault="00B1652B" w:rsidP="00914A2F">
      <w:pPr>
        <w:rPr>
          <w:lang w:val="en-IE"/>
        </w:rPr>
      </w:pPr>
    </w:p>
    <w:p w14:paraId="1CD29C95" w14:textId="56CDAF8F" w:rsidR="00B1652B" w:rsidRDefault="00B1652B" w:rsidP="00914A2F">
      <w:pPr>
        <w:rPr>
          <w:lang w:val="en-IE"/>
        </w:rPr>
      </w:pPr>
    </w:p>
    <w:p w14:paraId="2BD4D9F7" w14:textId="1FBAAA7B" w:rsidR="00B1652B" w:rsidRDefault="00B1652B" w:rsidP="00914A2F">
      <w:pPr>
        <w:rPr>
          <w:lang w:val="en-IE"/>
        </w:rPr>
      </w:pPr>
    </w:p>
    <w:p w14:paraId="3E39AFA2" w14:textId="0635AD55" w:rsidR="00F50045" w:rsidRPr="00F50045" w:rsidRDefault="00F50045" w:rsidP="00F50045">
      <w:pPr>
        <w:rPr>
          <w:lang w:val="en-IE"/>
        </w:rPr>
      </w:pPr>
    </w:p>
    <w:sectPr w:rsidR="00F50045" w:rsidRPr="00F50045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等线">
    <w:altName w:val="DengXia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等线 Light"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250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E50BC6"/>
    <w:rsid w:val="000346CF"/>
    <w:rsid w:val="000B12CD"/>
    <w:rsid w:val="000B1A04"/>
    <w:rsid w:val="002547D2"/>
    <w:rsid w:val="002F06DB"/>
    <w:rsid w:val="003400E7"/>
    <w:rsid w:val="00375ECB"/>
    <w:rsid w:val="003960C4"/>
    <w:rsid w:val="003B2A41"/>
    <w:rsid w:val="003D54AC"/>
    <w:rsid w:val="00454F22"/>
    <w:rsid w:val="004D0689"/>
    <w:rsid w:val="00671C97"/>
    <w:rsid w:val="00675AF1"/>
    <w:rsid w:val="00676500"/>
    <w:rsid w:val="006C574A"/>
    <w:rsid w:val="00810419"/>
    <w:rsid w:val="008339B0"/>
    <w:rsid w:val="008657BE"/>
    <w:rsid w:val="008E251A"/>
    <w:rsid w:val="008F0D7E"/>
    <w:rsid w:val="00914A2F"/>
    <w:rsid w:val="00A0040D"/>
    <w:rsid w:val="00AE0769"/>
    <w:rsid w:val="00B1652B"/>
    <w:rsid w:val="00B92405"/>
    <w:rsid w:val="00C15D2C"/>
    <w:rsid w:val="00C30726"/>
    <w:rsid w:val="00D21ABD"/>
    <w:rsid w:val="00D5573C"/>
    <w:rsid w:val="00DE132D"/>
    <w:rsid w:val="00E1205B"/>
    <w:rsid w:val="00E30C69"/>
    <w:rsid w:val="00E50BC6"/>
    <w:rsid w:val="00EF5610"/>
    <w:rsid w:val="00F50045"/>
    <w:rsid w:val="00FB35F3"/>
    <w:rsid w:val="00FB68EB"/>
    <w:rsid w:val="00FC783F"/>
    <w:rsid w:val="00FD32B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8CFF700"/>
  <w15:chartTrackingRefBased/>
  <w15:docId w15:val="{91619E46-8281-4479-81F7-EDFF8C866F3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jc w:val="both"/>
    </w:pPr>
  </w:style>
  <w:style w:type="paragraph" w:styleId="Heading1">
    <w:name w:val="heading 1"/>
    <w:basedOn w:val="Normal"/>
    <w:next w:val="Normal"/>
    <w:link w:val="Heading1Char"/>
    <w:uiPriority w:val="9"/>
    <w:qFormat/>
    <w:rsid w:val="00FB35F3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71C97"/>
    <w:pPr>
      <w:keepNext/>
      <w:keepLines/>
      <w:spacing w:before="260" w:after="260" w:line="416" w:lineRule="auto"/>
      <w:outlineLvl w:val="1"/>
    </w:pPr>
    <w:rPr>
      <w:rFonts w:asciiTheme="majorHAnsi" w:eastAsiaTheme="majorEastAsia" w:hAnsiTheme="majorHAnsi" w:cstheme="majorBidi"/>
      <w:b/>
      <w:bCs/>
      <w:sz w:val="32"/>
      <w:szCs w:val="32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71C97"/>
    <w:pPr>
      <w:keepNext/>
      <w:keepLines/>
      <w:spacing w:before="260" w:after="260" w:line="416" w:lineRule="auto"/>
      <w:outlineLvl w:val="2"/>
    </w:pPr>
    <w:rPr>
      <w:b/>
      <w:bCs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FB35F3"/>
    <w:rPr>
      <w:b/>
      <w:bCs/>
      <w:kern w:val="44"/>
      <w:sz w:val="44"/>
      <w:szCs w:val="44"/>
    </w:rPr>
  </w:style>
  <w:style w:type="character" w:customStyle="1" w:styleId="Heading2Char">
    <w:name w:val="Heading 2 Char"/>
    <w:basedOn w:val="DefaultParagraphFont"/>
    <w:link w:val="Heading2"/>
    <w:uiPriority w:val="9"/>
    <w:rsid w:val="00671C97"/>
    <w:rPr>
      <w:rFonts w:asciiTheme="majorHAnsi" w:eastAsiaTheme="majorEastAsia" w:hAnsiTheme="majorHAnsi" w:cstheme="majorBidi"/>
      <w:b/>
      <w:bCs/>
      <w:sz w:val="32"/>
      <w:szCs w:val="32"/>
    </w:rPr>
  </w:style>
  <w:style w:type="character" w:customStyle="1" w:styleId="Heading3Char">
    <w:name w:val="Heading 3 Char"/>
    <w:basedOn w:val="DefaultParagraphFont"/>
    <w:link w:val="Heading3"/>
    <w:uiPriority w:val="9"/>
    <w:rsid w:val="00671C97"/>
    <w:rPr>
      <w:b/>
      <w:bCs/>
      <w:sz w:val="32"/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png"/><Relationship Id="rId13" Type="http://schemas.openxmlformats.org/officeDocument/2006/relationships/image" Target="media/image10.png"/><Relationship Id="rId18" Type="http://schemas.openxmlformats.org/officeDocument/2006/relationships/image" Target="media/image15.png"/><Relationship Id="rId26" Type="http://schemas.openxmlformats.org/officeDocument/2006/relationships/image" Target="media/image23.png"/><Relationship Id="rId39" Type="http://schemas.openxmlformats.org/officeDocument/2006/relationships/image" Target="media/image36.png"/><Relationship Id="rId3" Type="http://schemas.openxmlformats.org/officeDocument/2006/relationships/webSettings" Target="webSettings.xml"/><Relationship Id="rId21" Type="http://schemas.openxmlformats.org/officeDocument/2006/relationships/image" Target="media/image18.png"/><Relationship Id="rId34" Type="http://schemas.openxmlformats.org/officeDocument/2006/relationships/image" Target="media/image31.png"/><Relationship Id="rId42" Type="http://schemas.openxmlformats.org/officeDocument/2006/relationships/fontTable" Target="fontTable.xml"/><Relationship Id="rId7" Type="http://schemas.openxmlformats.org/officeDocument/2006/relationships/image" Target="media/image4.png"/><Relationship Id="rId12" Type="http://schemas.openxmlformats.org/officeDocument/2006/relationships/image" Target="media/image9.png"/><Relationship Id="rId17" Type="http://schemas.openxmlformats.org/officeDocument/2006/relationships/image" Target="media/image14.png"/><Relationship Id="rId25" Type="http://schemas.openxmlformats.org/officeDocument/2006/relationships/image" Target="media/image22.png"/><Relationship Id="rId33" Type="http://schemas.openxmlformats.org/officeDocument/2006/relationships/image" Target="media/image30.png"/><Relationship Id="rId38" Type="http://schemas.openxmlformats.org/officeDocument/2006/relationships/image" Target="media/image35.png"/><Relationship Id="rId2" Type="http://schemas.openxmlformats.org/officeDocument/2006/relationships/settings" Target="settings.xml"/><Relationship Id="rId16" Type="http://schemas.openxmlformats.org/officeDocument/2006/relationships/image" Target="media/image13.png"/><Relationship Id="rId20" Type="http://schemas.openxmlformats.org/officeDocument/2006/relationships/image" Target="media/image17.png"/><Relationship Id="rId29" Type="http://schemas.openxmlformats.org/officeDocument/2006/relationships/image" Target="media/image26.png"/><Relationship Id="rId41" Type="http://schemas.openxmlformats.org/officeDocument/2006/relationships/image" Target="media/image38.png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11" Type="http://schemas.openxmlformats.org/officeDocument/2006/relationships/image" Target="media/image8.png"/><Relationship Id="rId24" Type="http://schemas.openxmlformats.org/officeDocument/2006/relationships/image" Target="media/image21.png"/><Relationship Id="rId32" Type="http://schemas.openxmlformats.org/officeDocument/2006/relationships/image" Target="media/image29.png"/><Relationship Id="rId37" Type="http://schemas.openxmlformats.org/officeDocument/2006/relationships/image" Target="media/image34.png"/><Relationship Id="rId40" Type="http://schemas.openxmlformats.org/officeDocument/2006/relationships/image" Target="media/image37.png"/><Relationship Id="rId5" Type="http://schemas.openxmlformats.org/officeDocument/2006/relationships/image" Target="media/image2.png"/><Relationship Id="rId15" Type="http://schemas.openxmlformats.org/officeDocument/2006/relationships/image" Target="media/image12.png"/><Relationship Id="rId23" Type="http://schemas.openxmlformats.org/officeDocument/2006/relationships/image" Target="media/image20.png"/><Relationship Id="rId28" Type="http://schemas.openxmlformats.org/officeDocument/2006/relationships/image" Target="media/image25.png"/><Relationship Id="rId36" Type="http://schemas.openxmlformats.org/officeDocument/2006/relationships/image" Target="media/image33.png"/><Relationship Id="rId10" Type="http://schemas.openxmlformats.org/officeDocument/2006/relationships/image" Target="media/image7.png"/><Relationship Id="rId19" Type="http://schemas.openxmlformats.org/officeDocument/2006/relationships/image" Target="media/image16.png"/><Relationship Id="rId31" Type="http://schemas.openxmlformats.org/officeDocument/2006/relationships/image" Target="media/image28.png"/><Relationship Id="rId4" Type="http://schemas.openxmlformats.org/officeDocument/2006/relationships/image" Target="media/image1.png"/><Relationship Id="rId9" Type="http://schemas.openxmlformats.org/officeDocument/2006/relationships/image" Target="media/image6.png"/><Relationship Id="rId14" Type="http://schemas.openxmlformats.org/officeDocument/2006/relationships/image" Target="media/image11.png"/><Relationship Id="rId22" Type="http://schemas.openxmlformats.org/officeDocument/2006/relationships/image" Target="media/image19.png"/><Relationship Id="rId27" Type="http://schemas.openxmlformats.org/officeDocument/2006/relationships/image" Target="media/image24.png"/><Relationship Id="rId30" Type="http://schemas.openxmlformats.org/officeDocument/2006/relationships/image" Target="media/image27.png"/><Relationship Id="rId35" Type="http://schemas.openxmlformats.org/officeDocument/2006/relationships/image" Target="media/image32.png"/><Relationship Id="rId43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等线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6</Pages>
  <Words>109</Words>
  <Characters>624</Characters>
  <Application>Microsoft Office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3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澍 沈</dc:creator>
  <cp:keywords/>
  <dc:description/>
  <cp:lastModifiedBy>澍 沈</cp:lastModifiedBy>
  <cp:revision>70</cp:revision>
  <dcterms:created xsi:type="dcterms:W3CDTF">2019-06-03T23:52:00Z</dcterms:created>
  <dcterms:modified xsi:type="dcterms:W3CDTF">2019-08-29T01:44:00Z</dcterms:modified>
</cp:coreProperties>
</file>